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235" autoAdjust="0"/>
    <p:restoredTop sz="94660"/>
  </p:normalViewPr>
  <p:slideViewPr>
    <p:cSldViewPr snapToGrid="0" snapToObjects="1">
      <p:cViewPr varScale="1">
        <p:scale>
          <a:sx n="116" d="100"/>
          <a:sy n="116" d="100"/>
        </p:scale>
        <p:origin x="280" y="192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Book1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GB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doughnutChart>
        <c:varyColors val="1"/>
        <c:ser>
          <c:idx val="0"/>
          <c:order val="0"/>
          <c:dPt>
            <c:idx val="0"/>
            <c:bubble3D val="0"/>
            <c:spPr>
              <a:solidFill>
                <a:schemeClr val="accent1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4CE2-094F-BC5B-7E0A09AE20CC}"/>
              </c:ext>
            </c:extLst>
          </c:dPt>
          <c:dPt>
            <c:idx val="1"/>
            <c:bubble3D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4CE2-094F-BC5B-7E0A09AE20CC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4CE2-094F-BC5B-7E0A09AE20CC}"/>
              </c:ext>
            </c:extLst>
          </c:dPt>
          <c:dLbls>
            <c:dLbl>
              <c:idx val="0"/>
              <c:layout>
                <c:manualLayout>
                  <c:x val="0.1354894801267488"/>
                  <c:y val="-0.18526441470573604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  <c:separator> </c:separator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4CE2-094F-BC5B-7E0A09AE20CC}"/>
                </c:ext>
              </c:extLst>
            </c:dLbl>
            <c:dLbl>
              <c:idx val="1"/>
              <c:layout>
                <c:manualLayout>
                  <c:x val="-0.13611111111111113"/>
                  <c:y val="7.8703703703703623E-2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  <c:separator> </c:separator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4CE2-094F-BC5B-7E0A09AE20CC}"/>
                </c:ext>
              </c:extLst>
            </c:dLbl>
            <c:dLbl>
              <c:idx val="2"/>
              <c:layout>
                <c:manualLayout>
                  <c:x val="-0.16712314027376926"/>
                  <c:y val="-5.0486575054041603E-2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  <c:separator> </c:separator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4CE2-094F-BC5B-7E0A09AE20CC}"/>
                </c:ext>
              </c:extLst>
            </c:dLbl>
            <c:spPr>
              <a:noFill/>
              <a:ln>
                <a:noFill/>
              </a:ln>
              <a:effectLst>
                <a:glow rad="25400">
                  <a:schemeClr val="accent1">
                    <a:alpha val="40000"/>
                  </a:schemeClr>
                </a:glow>
              </a:effectLst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1"/>
            <c:showSerName val="0"/>
            <c:showPercent val="0"/>
            <c:showBubbleSize val="0"/>
            <c:separator> </c:separator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Sheet1!$K$8:$K$10</c:f>
              <c:strCache>
                <c:ptCount val="3"/>
                <c:pt idx="0">
                  <c:v>Happy Family</c:v>
                </c:pt>
                <c:pt idx="1">
                  <c:v>Hour Family</c:v>
                </c:pt>
                <c:pt idx="2">
                  <c:v>Co Family</c:v>
                </c:pt>
              </c:strCache>
            </c:strRef>
          </c:cat>
          <c:val>
            <c:numRef>
              <c:f>Sheet1!$L$8:$L$10</c:f>
              <c:numCache>
                <c:formatCode>0%</c:formatCode>
                <c:ptCount val="3"/>
                <c:pt idx="0">
                  <c:v>0.6</c:v>
                </c:pt>
                <c:pt idx="1">
                  <c:v>0.2</c:v>
                </c:pt>
                <c:pt idx="2">
                  <c:v>0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4CE2-094F-BC5B-7E0A09AE20C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  <c:holeSize val="55"/>
      </c:doughnutChart>
      <c:spPr>
        <a:noFill/>
        <a:ln>
          <a:noFill/>
        </a:ln>
        <a:effectLst/>
      </c:spPr>
    </c:plotArea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1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/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AU" sz="1400"/>
              <a:t>Number one producer of beer, spirits, and </a:t>
            </a:r>
            <a:r>
              <a:rPr lang="en-AU" sz="1400">
                <a:solidFill>
                  <a:schemeClr val="tx2"/>
                </a:solidFill>
                <a:latin typeface="Arial" panose="020B0604020202020204" pitchFamily="34" charset="0"/>
              </a:rPr>
              <a:t>non-alcoholic</a:t>
            </a:r>
            <a:r>
              <a:rPr lang="en-AU" sz="1400"/>
              <a:t> beverages in Singapore and China.</a:t>
            </a:r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92808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>
                <a:solidFill>
                  <a:schemeClr val="tx2"/>
                </a:solidFill>
                <a:latin typeface="Arial" panose="020B0604020202020204" pitchFamily="34" charset="0"/>
              </a:rPr>
              <a:t>Asia based producer of beer, spirits, and non-alcoholic beverages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>
                <a:solidFill>
                  <a:schemeClr val="tx2"/>
                </a:solidFill>
                <a:latin typeface="Arial" panose="020B0604020202020204" pitchFamily="34" charset="0"/>
              </a:rPr>
              <a:t>Operations include manufacturing, distribution, and direct sales in Singapore, Malaysia, and China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>
                <a:solidFill>
                  <a:schemeClr val="tx2"/>
                </a:solidFill>
                <a:latin typeface="Arial" panose="020B0604020202020204" pitchFamily="34" charset="0"/>
              </a:rPr>
              <a:t>Recently expanded their operations to China with plans to further expand into Cambodia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>
                <a:solidFill>
                  <a:schemeClr val="tx2"/>
                </a:solidFill>
                <a:latin typeface="Arial" panose="020B0604020202020204" pitchFamily="34" charset="0"/>
              </a:rPr>
              <a:t>The Majority ownership with the founder Ms Happy who is looking to retire with no immediate family to take her place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>
                <a:solidFill>
                  <a:schemeClr val="tx2"/>
                </a:solidFill>
                <a:latin typeface="Arial" panose="020B0604020202020204" pitchFamily="34" charset="0"/>
              </a:rPr>
              <a:t>Strengths 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>
                <a:solidFill>
                  <a:schemeClr val="tx2"/>
                </a:solidFill>
                <a:latin typeface="Arial" panose="020B0604020202020204" pitchFamily="34" charset="0"/>
              </a:rPr>
              <a:t>#1 player in beer and spirits in Singapore &amp; Malaysia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>
                <a:solidFill>
                  <a:schemeClr val="tx2"/>
                </a:solidFill>
                <a:latin typeface="Arial" panose="020B0604020202020204" pitchFamily="34" charset="0"/>
              </a:rPr>
              <a:t>#1 player in non-alcoholic beverages in Malaysia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>
                <a:solidFill>
                  <a:schemeClr val="tx2"/>
                </a:solidFill>
                <a:latin typeface="Arial" panose="020B0604020202020204" pitchFamily="34" charset="0"/>
              </a:rPr>
              <a:t>Strong supply chain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85687" y="4631433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13719" y="4631433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4" name="Chart 3">
            <a:extLst>
              <a:ext uri="{FF2B5EF4-FFF2-40B4-BE49-F238E27FC236}">
                <a16:creationId xmlns:a16="http://schemas.microsoft.com/office/drawing/2014/main" id="{FE3B9F60-2A67-8D35-9E13-EED29CDD4A23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13503322"/>
              </p:ext>
            </p:extLst>
          </p:nvPr>
        </p:nvGraphicFramePr>
        <p:xfrm>
          <a:off x="785687" y="4789318"/>
          <a:ext cx="3182157" cy="196596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9005B8D3-CD95-B2F8-3436-FE77BC6214DA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510997027"/>
              </p:ext>
            </p:extLst>
          </p:nvPr>
        </p:nvGraphicFramePr>
        <p:xfrm>
          <a:off x="5623560" y="5035358"/>
          <a:ext cx="3517899" cy="1219200"/>
        </p:xfrm>
        <a:graphic>
          <a:graphicData uri="http://schemas.openxmlformats.org/drawingml/2006/table">
            <a:tbl>
              <a:tblPr/>
              <a:tblGrid>
                <a:gridCol w="826437">
                  <a:extLst>
                    <a:ext uri="{9D8B030D-6E8A-4147-A177-3AD203B41FA5}">
                      <a16:colId xmlns:a16="http://schemas.microsoft.com/office/drawing/2014/main" val="1503468913"/>
                    </a:ext>
                  </a:extLst>
                </a:gridCol>
                <a:gridCol w="826437">
                  <a:extLst>
                    <a:ext uri="{9D8B030D-6E8A-4147-A177-3AD203B41FA5}">
                      <a16:colId xmlns:a16="http://schemas.microsoft.com/office/drawing/2014/main" val="812966756"/>
                    </a:ext>
                  </a:extLst>
                </a:gridCol>
                <a:gridCol w="826437">
                  <a:extLst>
                    <a:ext uri="{9D8B030D-6E8A-4147-A177-3AD203B41FA5}">
                      <a16:colId xmlns:a16="http://schemas.microsoft.com/office/drawing/2014/main" val="1762216911"/>
                    </a:ext>
                  </a:extLst>
                </a:gridCol>
                <a:gridCol w="1038588">
                  <a:extLst>
                    <a:ext uri="{9D8B030D-6E8A-4147-A177-3AD203B41FA5}">
                      <a16:colId xmlns:a16="http://schemas.microsoft.com/office/drawing/2014/main" val="1774690318"/>
                    </a:ext>
                  </a:extLst>
                </a:gridCol>
              </a:tblGrid>
              <a:tr h="203200"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US$mm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46030678"/>
                  </a:ext>
                </a:extLst>
              </a:tr>
              <a:tr h="203200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2020E EBITD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3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96977262"/>
                  </a:ext>
                </a:extLst>
              </a:tr>
              <a:tr h="203200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NZ" sz="1200" b="0" i="1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Growth (%)</a:t>
                      </a:r>
                    </a:p>
                  </a:txBody>
                  <a:tcPr marL="57150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2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76836707"/>
                  </a:ext>
                </a:extLst>
              </a:tr>
              <a:tr h="203200"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36606928"/>
                  </a:ext>
                </a:extLst>
              </a:tr>
              <a:tr h="203200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EV/EBITDA Multipl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0.0x - 11.5x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11649254"/>
                  </a:ext>
                </a:extLst>
              </a:tr>
              <a:tr h="203200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Valuation Rang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3,000 - 3,5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31570442"/>
                  </a:ext>
                </a:extLst>
              </a:tr>
            </a:tbl>
          </a:graphicData>
        </a:graphic>
      </p:graphicFrame>
      <p:graphicFrame>
        <p:nvGraphicFramePr>
          <p:cNvPr id="9" name="Table 8">
            <a:extLst>
              <a:ext uri="{FF2B5EF4-FFF2-40B4-BE49-F238E27FC236}">
                <a16:creationId xmlns:a16="http://schemas.microsoft.com/office/drawing/2014/main" id="{AC08BA1C-AF31-2297-C307-AA71BF64F86A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563792163"/>
              </p:ext>
            </p:extLst>
          </p:nvPr>
        </p:nvGraphicFramePr>
        <p:xfrm>
          <a:off x="5639184" y="1952241"/>
          <a:ext cx="4566172" cy="2501265"/>
        </p:xfrm>
        <a:graphic>
          <a:graphicData uri="http://schemas.openxmlformats.org/drawingml/2006/table">
            <a:tbl>
              <a:tblPr/>
              <a:tblGrid>
                <a:gridCol w="868638">
                  <a:extLst>
                    <a:ext uri="{9D8B030D-6E8A-4147-A177-3AD203B41FA5}">
                      <a16:colId xmlns:a16="http://schemas.microsoft.com/office/drawing/2014/main" val="2756138364"/>
                    </a:ext>
                  </a:extLst>
                </a:gridCol>
                <a:gridCol w="868638">
                  <a:extLst>
                    <a:ext uri="{9D8B030D-6E8A-4147-A177-3AD203B41FA5}">
                      <a16:colId xmlns:a16="http://schemas.microsoft.com/office/drawing/2014/main" val="1169377706"/>
                    </a:ext>
                  </a:extLst>
                </a:gridCol>
                <a:gridCol w="868638">
                  <a:extLst>
                    <a:ext uri="{9D8B030D-6E8A-4147-A177-3AD203B41FA5}">
                      <a16:colId xmlns:a16="http://schemas.microsoft.com/office/drawing/2014/main" val="3056682729"/>
                    </a:ext>
                  </a:extLst>
                </a:gridCol>
                <a:gridCol w="1091620">
                  <a:extLst>
                    <a:ext uri="{9D8B030D-6E8A-4147-A177-3AD203B41FA5}">
                      <a16:colId xmlns:a16="http://schemas.microsoft.com/office/drawing/2014/main" val="2685067642"/>
                    </a:ext>
                  </a:extLst>
                </a:gridCol>
                <a:gridCol w="868638">
                  <a:extLst>
                    <a:ext uri="{9D8B030D-6E8A-4147-A177-3AD203B41FA5}">
                      <a16:colId xmlns:a16="http://schemas.microsoft.com/office/drawing/2014/main" val="1576532827"/>
                    </a:ext>
                  </a:extLst>
                </a:gridCol>
              </a:tblGrid>
              <a:tr h="181481"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US$mm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FY18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FY19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FY20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328525299"/>
                  </a:ext>
                </a:extLst>
              </a:tr>
              <a:tr h="181481"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Revenu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9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961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,071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60234184"/>
                  </a:ext>
                </a:extLst>
              </a:tr>
              <a:tr h="181481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NZ" sz="1200" b="0" i="1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Growth (%)</a:t>
                      </a:r>
                    </a:p>
                  </a:txBody>
                  <a:tcPr marL="57150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mpd="sng">
                      <a:noFill/>
                      <a:prstDash val="solid"/>
                    </a:lnL>
                    <a:lnT w="12700" cmpd="sng">
                      <a:noFill/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7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1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35912759"/>
                  </a:ext>
                </a:extLst>
              </a:tr>
              <a:tr h="181481"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21791732"/>
                  </a:ext>
                </a:extLst>
              </a:tr>
              <a:tr h="181481"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Beer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1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3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891924096"/>
                  </a:ext>
                </a:extLst>
              </a:tr>
              <a:tr h="181481"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Spirits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7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8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0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55156000"/>
                  </a:ext>
                </a:extLst>
              </a:tr>
              <a:tr h="181481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Non-Alcoholic Beverages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mpd="sng">
                      <a:noFill/>
                      <a:prstDash val="solid"/>
                    </a:lnL>
                    <a:lnT w="12700" cmpd="sng">
                      <a:noFill/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5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5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6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57158015"/>
                  </a:ext>
                </a:extLst>
              </a:tr>
              <a:tr h="181481"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62195082"/>
                  </a:ext>
                </a:extLst>
              </a:tr>
              <a:tr h="181481"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EBITD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22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25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3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24295154"/>
                  </a:ext>
                </a:extLst>
              </a:tr>
              <a:tr h="181481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NZ" sz="1200" b="0" i="1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Margin (%)</a:t>
                      </a:r>
                    </a:p>
                  </a:txBody>
                  <a:tcPr marL="57150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mpd="sng">
                      <a:noFill/>
                      <a:prstDash val="solid"/>
                    </a:lnL>
                    <a:lnT w="12700" cmpd="sng">
                      <a:noFill/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25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26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28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36459403"/>
                  </a:ext>
                </a:extLst>
              </a:tr>
              <a:tr h="181481">
                <a:tc>
                  <a:txBody>
                    <a:bodyPr/>
                    <a:lstStyle/>
                    <a:p>
                      <a:pPr algn="l" fontAlgn="b"/>
                      <a:endParaRPr lang="en-NZ" sz="1200" b="0" i="1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57150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NZ" sz="12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27986143"/>
                  </a:ext>
                </a:extLst>
              </a:tr>
              <a:tr h="181481"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NPAT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13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153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1" i="0" u="none" strike="noStrike">
                          <a:solidFill>
                            <a:srgbClr val="FFFFFF"/>
                          </a:solidFill>
                          <a:effectLst/>
                          <a:latin typeface="Aptos Narrow" panose="020B0004020202020204" pitchFamily="34" charset="0"/>
                        </a:rPr>
                        <a:t>193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68FC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82820813"/>
                  </a:ext>
                </a:extLst>
              </a:tr>
              <a:tr h="181481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NZ" sz="1200" b="0" i="1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Margin (%)</a:t>
                      </a:r>
                    </a:p>
                  </a:txBody>
                  <a:tcPr marL="57150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mpd="sng">
                      <a:noFill/>
                      <a:prstDash val="solid"/>
                    </a:lnL>
                    <a:lnT w="12700" cmpd="sng">
                      <a:noFill/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5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6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1200" b="0" i="0" u="none" strike="noStrike">
                          <a:solidFill>
                            <a:srgbClr val="000000"/>
                          </a:solidFill>
                          <a:effectLst/>
                          <a:latin typeface="Aptos Narrow" panose="020B0004020202020204" pitchFamily="34" charset="0"/>
                        </a:rPr>
                        <a:t>18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06535969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93634931"/>
              </p:ext>
            </p:extLst>
          </p:nvPr>
        </p:nvGraphicFramePr>
        <p:xfrm>
          <a:off x="911093" y="1360788"/>
          <a:ext cx="8861879" cy="5165398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203471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Date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74436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March 9, 2020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ccess to Indicative Bid Documents 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Valuation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itial Valuation analysis based on indicative bid documents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r>
                        <a:rPr lang="en-US" sz="900" b="1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ructure and Financing 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Begin financing discussions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pprovals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llect and confirm required approvals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74436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9am April 9, 2020 – 5pm April 13, 2020 (HKT)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Q&amp;A Submission Due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62729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Due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366651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art of Final Bid Phase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Release of Process Letter two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ite visit &amp; management present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Organize site visit and presentation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Due diligence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nduct due diligence based on the financial forecasts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Valu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ize the valuation based on financial forecasts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ncing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nfirm sources for financing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pproval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mmence preparing application for internal regulatory approvals.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443811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Late July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 Bid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40</TotalTime>
  <Words>341</Words>
  <Application>Microsoft Macintosh PowerPoint</Application>
  <PresentationFormat>Custom</PresentationFormat>
  <Paragraphs>112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8" baseType="lpstr">
      <vt:lpstr>Aptos Narrow</vt:lpstr>
      <vt:lpstr>Arial</vt:lpstr>
      <vt:lpstr>Arial Narrow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Jared Herber</cp:lastModifiedBy>
  <cp:revision>23</cp:revision>
  <dcterms:created xsi:type="dcterms:W3CDTF">2020-04-17T12:29:06Z</dcterms:created>
  <dcterms:modified xsi:type="dcterms:W3CDTF">2024-09-20T13:43:23Z</dcterms:modified>
</cp:coreProperties>
</file>